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CCDA16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noProof/>
          <w:sz w:val="24"/>
          <w:szCs w:val="24"/>
        </w:rPr>
        <w:drawing>
          <wp:inline distT="0" distB="0" distL="0" distR="0" wp14:anchorId="69575EAC" wp14:editId="57D7E318">
            <wp:extent cx="5898632" cy="676275"/>
            <wp:effectExtent l="19050" t="0" r="6868" b="0"/>
            <wp:docPr id="2" name="Picture 2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/>
                    <pic:cNvPicPr>
                      <a:picLocks noChangeAspect="1" noChangeArrowheads="1"/>
                    </pic:cNvPicPr>
                  </pic:nvPicPr>
                  <pic:blipFill>
                    <a:blip r:embed="rId6" cstate="print"/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5943600" cy="681431"/>
                    </a:xfrm>
                    <a:prstGeom prst="rect">
                      <a:avLst/>
                    </a:prstGeom>
                    <a:noFill/>
                    <a:ln w="9525">
                      <a:noFill/>
                      <a:miter lim="800000"/>
                      <a:headEnd/>
                      <a:tailEnd/>
                    </a:ln>
                  </pic:spPr>
                </pic:pic>
              </a:graphicData>
            </a:graphic>
          </wp:inline>
        </w:drawing>
      </w:r>
    </w:p>
    <w:p w14:paraId="77B4C8FF" w14:textId="77777777" w:rsidR="00F07293" w:rsidRPr="00685125" w:rsidRDefault="00A43022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Membership Application</w:t>
      </w:r>
    </w:p>
    <w:p w14:paraId="6D8FD8D8" w14:textId="77777777" w:rsidR="00A43022" w:rsidRPr="00685125" w:rsidRDefault="00F07293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Schwartz-</w:t>
      </w:r>
      <w:r w:rsidR="00A43022" w:rsidRPr="00685125">
        <w:rPr>
          <w:rFonts w:ascii="Times New Roman" w:hAnsi="Times New Roman" w:cs="Times New Roman"/>
          <w:sz w:val="24"/>
          <w:szCs w:val="24"/>
        </w:rPr>
        <w:t>Levi Inn of Court</w:t>
      </w:r>
    </w:p>
    <w:p w14:paraId="427EBA3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12BA076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Professional Information:</w:t>
      </w:r>
    </w:p>
    <w:p w14:paraId="05B9C75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432129C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Nam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2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A4D651A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62C8929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Dat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1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596C74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466EEE3" w14:textId="77777777"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Employer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2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5BE7785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5A00A7C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Address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6324986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23B82A8" w14:textId="77777777" w:rsidR="001B362B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City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Zip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14:paraId="30102CDE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Phone: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sdt>
        <w:sdtPr>
          <w:rPr>
            <w:rFonts w:ascii="Times New Roman" w:hAnsi="Times New Roman" w:cs="Times New Roman"/>
            <w:sz w:val="24"/>
            <w:szCs w:val="24"/>
          </w:rPr>
          <w:id w:val="1030613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 xml:space="preserve">Fax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795FF36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506CAE28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Email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46211F7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71581DF9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ob Title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5C82D35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21F38502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How long in this position?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5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164258A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A4E9CC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Describe current job responsibilities and type of practice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04E0A5E2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394875B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Educational Information</w:t>
      </w:r>
    </w:p>
    <w:p w14:paraId="2BD7CFAF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114731E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.D. obtained from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>Year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8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351859D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197FC21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BA/BS from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9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14:paraId="55449430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42F5CE01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Other degrees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6AECCAA9" w14:textId="77777777" w:rsidR="00F07293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14:paraId="225D6C8B" w14:textId="4498E69E" w:rsidR="00A159DD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General Information</w:t>
      </w:r>
    </w:p>
    <w:p w14:paraId="44E62490" w14:textId="77777777" w:rsidR="00FB121B" w:rsidRDefault="00FB121B" w:rsidP="00FB121B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44847122" w14:textId="37E41AD5" w:rsidR="00FB121B" w:rsidRDefault="00FB121B" w:rsidP="00FB121B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FB121B">
        <w:rPr>
          <w:rFonts w:ascii="Times New Roman" w:hAnsi="Times New Roman" w:cs="Times New Roman"/>
          <w:sz w:val="24"/>
          <w:szCs w:val="24"/>
        </w:rPr>
        <w:t xml:space="preserve">Describe why you would like to join the Schwartz/Levi Inn of Court. </w:t>
      </w:r>
      <w:sdt>
        <w:sdtPr>
          <w:rPr>
            <w:rFonts w:ascii="Times New Roman" w:hAnsi="Times New Roman" w:cs="Times New Roman"/>
            <w:sz w:val="24"/>
            <w:szCs w:val="24"/>
          </w:rPr>
          <w:id w:val="-406841265"/>
          <w:placeholder>
            <w:docPart w:val="C748EBCBF4BF4CE3868BFF029D7E3989"/>
          </w:placeholder>
          <w:showingPlcHdr/>
          <w:text/>
        </w:sdtPr>
        <w:sdtEndPr/>
        <w:sdtContent>
          <w:r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D7E8601" w14:textId="77777777" w:rsidR="00FB121B" w:rsidRDefault="00FB121B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7519CB63" w14:textId="37734555" w:rsidR="00A43022" w:rsidRPr="00685125" w:rsidRDefault="00FB121B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FB121B">
        <w:rPr>
          <w:rFonts w:ascii="Times New Roman" w:hAnsi="Times New Roman" w:cs="Times New Roman"/>
          <w:sz w:val="24"/>
          <w:szCs w:val="24"/>
        </w:rPr>
        <w:t>Do you have a sponsor? If so, please provide their name.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-87316867"/>
          <w:placeholder>
            <w:docPart w:val="DF349870C36E4CEFA13A1893FA74C12E"/>
          </w:placeholder>
          <w:showingPlcHdr/>
          <w:text/>
        </w:sdtPr>
        <w:sdtEndPr/>
        <w:sdtContent>
          <w:r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799C8C53" w14:textId="77777777"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D718AB9" w14:textId="37049461" w:rsidR="00FB121B" w:rsidRDefault="00FB121B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FB121B">
        <w:rPr>
          <w:rFonts w:ascii="Times New Roman" w:hAnsi="Times New Roman" w:cs="Times New Roman"/>
          <w:sz w:val="24"/>
          <w:szCs w:val="24"/>
        </w:rPr>
        <w:t>Would you be willing to serve as a mentor?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398724428"/>
          <w:placeholder>
            <w:docPart w:val="2F7FAF4580154FF39A6D25676D0C8B86"/>
          </w:placeholder>
          <w:showingPlcHdr/>
          <w:text/>
        </w:sdtPr>
        <w:sdtEndPr/>
        <w:sdtContent>
          <w:r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5374D840" w14:textId="77777777" w:rsidR="00FB121B" w:rsidRDefault="00FB121B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5C033A2" w14:textId="3B996BE8" w:rsidR="008769D4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Any other comments/questions?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2"/>
          <w:placeholder>
            <w:docPart w:val="DefaultPlaceholder_22675703"/>
          </w:placeholder>
          <w:showingPlcHdr/>
          <w:text/>
        </w:sdtPr>
        <w:sdtEndPr/>
        <w:sdtContent>
          <w:r w:rsidR="008769D4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14:paraId="39897B7C" w14:textId="77777777" w:rsidR="00A43022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A530F46" w14:textId="77777777" w:rsidR="00ED63B7" w:rsidRPr="00685125" w:rsidRDefault="00ED63B7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0F7DD85C" w14:textId="3C48616B"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Pl</w:t>
      </w:r>
      <w:r w:rsidR="00A43022" w:rsidRPr="00685125">
        <w:rPr>
          <w:rFonts w:ascii="Times New Roman" w:hAnsi="Times New Roman" w:cs="Times New Roman"/>
          <w:sz w:val="24"/>
          <w:szCs w:val="24"/>
        </w:rPr>
        <w:t>ease return this form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to Julie Weng-Gutierrez (</w:t>
      </w:r>
      <w:hyperlink r:id="rId7" w:history="1">
        <w:r w:rsidR="00ED63B7" w:rsidRPr="007B661B">
          <w:rPr>
            <w:rStyle w:val="Hyperlink"/>
            <w:rFonts w:ascii="Times New Roman" w:hAnsi="Times New Roman" w:cs="Times New Roman"/>
            <w:sz w:val="24"/>
            <w:szCs w:val="24"/>
          </w:rPr>
          <w:t>Julie.weng-gutierrez@abc.ca.gov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 xml:space="preserve">) </w:t>
      </w:r>
      <w:r w:rsidR="00FB121B">
        <w:rPr>
          <w:rFonts w:ascii="Times New Roman" w:hAnsi="Times New Roman" w:cs="Times New Roman"/>
          <w:sz w:val="24"/>
          <w:szCs w:val="24"/>
        </w:rPr>
        <w:t>and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="00A43C96">
        <w:rPr>
          <w:rFonts w:ascii="Times New Roman" w:hAnsi="Times New Roman" w:cs="Times New Roman"/>
          <w:sz w:val="24"/>
          <w:szCs w:val="24"/>
        </w:rPr>
        <w:t>Adriana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="00A43C96">
        <w:rPr>
          <w:rFonts w:ascii="Times New Roman" w:hAnsi="Times New Roman" w:cs="Times New Roman"/>
          <w:sz w:val="24"/>
          <w:szCs w:val="24"/>
        </w:rPr>
        <w:t xml:space="preserve">Cervantes </w:t>
      </w:r>
      <w:r w:rsidR="00685125" w:rsidRPr="00685125">
        <w:rPr>
          <w:rFonts w:ascii="Times New Roman" w:hAnsi="Times New Roman" w:cs="Times New Roman"/>
          <w:sz w:val="24"/>
          <w:szCs w:val="24"/>
        </w:rPr>
        <w:t>(</w:t>
      </w:r>
      <w:hyperlink r:id="rId8" w:history="1">
        <w:r w:rsidR="00EC7A91" w:rsidRPr="009160A7">
          <w:rPr>
            <w:rStyle w:val="Hyperlink"/>
            <w:rFonts w:ascii="Times New Roman" w:hAnsi="Times New Roman" w:cs="Times New Roman"/>
            <w:sz w:val="24"/>
            <w:szCs w:val="24"/>
          </w:rPr>
          <w:t>acervantes@wilkefleury.com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>)</w:t>
      </w:r>
      <w:r w:rsidR="00ED63B7">
        <w:rPr>
          <w:rFonts w:ascii="Times New Roman" w:hAnsi="Times New Roman" w:cs="Times New Roman"/>
          <w:sz w:val="24"/>
          <w:szCs w:val="24"/>
        </w:rPr>
        <w:t xml:space="preserve"> by </w:t>
      </w:r>
      <w:r w:rsidR="00196CB1">
        <w:rPr>
          <w:rFonts w:ascii="Times New Roman" w:hAnsi="Times New Roman" w:cs="Times New Roman"/>
          <w:b/>
          <w:sz w:val="24"/>
          <w:szCs w:val="24"/>
          <w:u w:val="single"/>
        </w:rPr>
        <w:t>June 1</w:t>
      </w:r>
      <w:r w:rsidR="00FB121B">
        <w:rPr>
          <w:rFonts w:ascii="Times New Roman" w:hAnsi="Times New Roman" w:cs="Times New Roman"/>
          <w:b/>
          <w:sz w:val="24"/>
          <w:szCs w:val="24"/>
          <w:u w:val="single"/>
        </w:rPr>
        <w:t>0, 2022.</w:t>
      </w:r>
      <w:r w:rsidR="00820585"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="008D24B6">
        <w:rPr>
          <w:rFonts w:ascii="Times New Roman" w:hAnsi="Times New Roman" w:cs="Times New Roman"/>
          <w:sz w:val="24"/>
          <w:szCs w:val="24"/>
        </w:rPr>
        <w:t>Thank you!</w:t>
      </w:r>
    </w:p>
    <w:sectPr w:rsidR="00A43022" w:rsidRPr="00685125" w:rsidSect="00C94728">
      <w:footerReference w:type="even" r:id="rId9"/>
      <w:footerReference w:type="default" r:id="rId10"/>
      <w:footerReference w:type="first" r:id="rId11"/>
      <w:pgSz w:w="12240" w:h="15840"/>
      <w:pgMar w:top="720" w:right="1080" w:bottom="72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5E8C4AF" w14:textId="77777777" w:rsidR="00236FBF" w:rsidRDefault="00236FBF" w:rsidP="00313D50">
      <w:pPr>
        <w:spacing w:after="0" w:line="240" w:lineRule="auto"/>
      </w:pPr>
      <w:r>
        <w:separator/>
      </w:r>
    </w:p>
  </w:endnote>
  <w:endnote w:type="continuationSeparator" w:id="0">
    <w:p w14:paraId="0763C692" w14:textId="77777777" w:rsidR="00236FBF" w:rsidRDefault="00236FBF" w:rsidP="00313D5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1B173CF" w14:textId="77777777"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14:paraId="5FB473D6" w14:textId="77777777"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06D29FB" w14:textId="6DE55300" w:rsidR="007155AF" w:rsidRDefault="009B0DB8" w:rsidP="009B0DB8">
    <w:pPr>
      <w:pStyle w:val="Footer"/>
    </w:pPr>
    <w:r w:rsidRPr="009B0DB8">
      <w:rPr>
        <w:noProof/>
        <w:spacing w:val="-2"/>
        <w:sz w:val="16"/>
      </w:rPr>
      <w:t>2954219.1</w:t>
    </w:r>
    <w:r>
      <w:t xml:space="preserve"> </w:t>
    </w:r>
    <w:r w:rsidR="007124EE">
      <w:fldChar w:fldCharType="begin"/>
    </w:r>
    <w:r w:rsidR="007124EE"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 w:rsidR="007124EE">
      <w:fldChar w:fldCharType="separate"/>
    </w:r>
    <w:r w:rsidR="00B06F30">
      <w:rPr>
        <w:rStyle w:val="DocID"/>
      </w:rPr>
      <w:t>4853-2098-9511v.1 -</w:t>
    </w:r>
    <w:r w:rsidR="007124EE"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64277BC" w14:textId="77777777"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14:paraId="1EF84FC0" w14:textId="77777777"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C797089" w14:textId="77777777" w:rsidR="00236FBF" w:rsidRDefault="00236FBF" w:rsidP="00313D50">
      <w:pPr>
        <w:spacing w:after="0" w:line="240" w:lineRule="auto"/>
      </w:pPr>
      <w:r>
        <w:separator/>
      </w:r>
    </w:p>
  </w:footnote>
  <w:footnote w:type="continuationSeparator" w:id="0">
    <w:p w14:paraId="2EA4D47B" w14:textId="77777777" w:rsidR="00236FBF" w:rsidRDefault="00236FBF" w:rsidP="00313D50">
      <w:pPr>
        <w:spacing w:after="0" w:line="240" w:lineRule="auto"/>
      </w:pPr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removeDateAndTime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A43022"/>
    <w:rsid w:val="000551A8"/>
    <w:rsid w:val="001436FF"/>
    <w:rsid w:val="00166C7F"/>
    <w:rsid w:val="00196CB1"/>
    <w:rsid w:val="001B01E9"/>
    <w:rsid w:val="001B362B"/>
    <w:rsid w:val="0023185F"/>
    <w:rsid w:val="00236FBF"/>
    <w:rsid w:val="00255D41"/>
    <w:rsid w:val="0026436E"/>
    <w:rsid w:val="002932B7"/>
    <w:rsid w:val="00295F1A"/>
    <w:rsid w:val="00313D50"/>
    <w:rsid w:val="003331FA"/>
    <w:rsid w:val="0034467A"/>
    <w:rsid w:val="00350561"/>
    <w:rsid w:val="0041113A"/>
    <w:rsid w:val="005A00EC"/>
    <w:rsid w:val="00685125"/>
    <w:rsid w:val="006A7F7F"/>
    <w:rsid w:val="007124EE"/>
    <w:rsid w:val="007155AF"/>
    <w:rsid w:val="0072253A"/>
    <w:rsid w:val="007B2B0D"/>
    <w:rsid w:val="007E3125"/>
    <w:rsid w:val="00803131"/>
    <w:rsid w:val="00820585"/>
    <w:rsid w:val="0085274E"/>
    <w:rsid w:val="0086173C"/>
    <w:rsid w:val="008704B5"/>
    <w:rsid w:val="008769D4"/>
    <w:rsid w:val="008D24B6"/>
    <w:rsid w:val="00923170"/>
    <w:rsid w:val="00937458"/>
    <w:rsid w:val="00942965"/>
    <w:rsid w:val="009B0DB8"/>
    <w:rsid w:val="009C11FB"/>
    <w:rsid w:val="009D1B02"/>
    <w:rsid w:val="00A0352E"/>
    <w:rsid w:val="00A05A6A"/>
    <w:rsid w:val="00A159DD"/>
    <w:rsid w:val="00A43022"/>
    <w:rsid w:val="00A43C96"/>
    <w:rsid w:val="00AB7600"/>
    <w:rsid w:val="00B06F30"/>
    <w:rsid w:val="00B32705"/>
    <w:rsid w:val="00B61BF9"/>
    <w:rsid w:val="00B6597B"/>
    <w:rsid w:val="00B75E11"/>
    <w:rsid w:val="00BA0560"/>
    <w:rsid w:val="00BA2B6A"/>
    <w:rsid w:val="00BD3B96"/>
    <w:rsid w:val="00C94728"/>
    <w:rsid w:val="00CA05D6"/>
    <w:rsid w:val="00D45105"/>
    <w:rsid w:val="00D730E8"/>
    <w:rsid w:val="00E603BD"/>
    <w:rsid w:val="00EC7A91"/>
    <w:rsid w:val="00ED32AB"/>
    <w:rsid w:val="00ED63B7"/>
    <w:rsid w:val="00F07293"/>
    <w:rsid w:val="00F66764"/>
    <w:rsid w:val="00FA59D7"/>
    <w:rsid w:val="00FB121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0160AD09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B75E11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A4302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A43022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unhideWhenUsed/>
    <w:rsid w:val="00A43022"/>
    <w:rPr>
      <w:color w:val="0000FF" w:themeColor="hyperlink"/>
      <w:u w:val="single"/>
    </w:rPr>
  </w:style>
  <w:style w:type="character" w:styleId="PlaceholderText">
    <w:name w:val="Placeholder Text"/>
    <w:basedOn w:val="DefaultParagraphFont"/>
    <w:uiPriority w:val="99"/>
    <w:semiHidden/>
    <w:rsid w:val="001B362B"/>
    <w:rPr>
      <w:color w:val="808080"/>
    </w:rPr>
  </w:style>
  <w:style w:type="paragraph" w:styleId="ListParagraph">
    <w:name w:val="List Paragraph"/>
    <w:basedOn w:val="Normal"/>
    <w:uiPriority w:val="34"/>
    <w:qFormat/>
    <w:rsid w:val="001B362B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313D50"/>
  </w:style>
  <w:style w:type="paragraph" w:styleId="Footer">
    <w:name w:val="footer"/>
    <w:basedOn w:val="Normal"/>
    <w:link w:val="Foot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313D50"/>
  </w:style>
  <w:style w:type="character" w:customStyle="1" w:styleId="DocID">
    <w:name w:val="DocID"/>
    <w:basedOn w:val="DefaultParagraphFont"/>
    <w:uiPriority w:val="99"/>
    <w:semiHidden/>
    <w:rsid w:val="00313D50"/>
    <w:rPr>
      <w:rFonts w:ascii="Times New Roman" w:hAnsi="Times New Roman"/>
      <w:sz w:val="16"/>
    </w:rPr>
  </w:style>
  <w:style w:type="character" w:styleId="UnresolvedMention">
    <w:name w:val="Unresolved Mention"/>
    <w:basedOn w:val="DefaultParagraphFont"/>
    <w:uiPriority w:val="99"/>
    <w:semiHidden/>
    <w:unhideWhenUsed/>
    <w:rsid w:val="00EC7A9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8379165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acervantes@wilkefleury.com" TargetMode="External"/><Relationship Id="rId13" Type="http://schemas.openxmlformats.org/officeDocument/2006/relationships/glossaryDocument" Target="glossary/document.xml"/><Relationship Id="rId3" Type="http://schemas.openxmlformats.org/officeDocument/2006/relationships/webSettings" Target="webSettings.xml"/><Relationship Id="rId7" Type="http://schemas.openxmlformats.org/officeDocument/2006/relationships/hyperlink" Target="mailto:Julie.weng-gutierrez@abc.ca.gov" TargetMode="Externa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image" Target="media/image1.emf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footer" Target="footer2.xml"/><Relationship Id="rId4" Type="http://schemas.openxmlformats.org/officeDocument/2006/relationships/footnotes" Target="footnote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4" Type="http://schemas.openxmlformats.org/officeDocument/2006/relationships/fontTable" Target="fontTable.xml"/></Relationships>
</file>

<file path=word/glossary/document.xml><?xml version="1.0" encoding="utf-8"?>
<w:glossary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docParts>
    <w:docPart>
      <w:docPartPr>
        <w:name w:val="DefaultPlaceholder_22675703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12BF91E1-860B-4A47-88A9-8ADED8A724DB}"/>
      </w:docPartPr>
      <w:docPartBody>
        <w:p w:rsidR="001733C6" w:rsidRDefault="00555DB1">
          <w:r w:rsidRPr="00DE7CDE">
            <w:rPr>
              <w:rStyle w:val="PlaceholderText"/>
            </w:rPr>
            <w:t>Click here to enter text.</w:t>
          </w:r>
        </w:p>
      </w:docPartBody>
    </w:docPart>
    <w:docPart>
      <w:docPartPr>
        <w:name w:val="C748EBCBF4BF4CE3868BFF029D7E3989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AD3EDBFF-F365-4E70-A73C-B444A9039DBE}"/>
      </w:docPartPr>
      <w:docPartBody>
        <w:p w:rsidR="00F82B28" w:rsidRDefault="00FC3BD1" w:rsidP="00FC3BD1">
          <w:pPr>
            <w:pStyle w:val="C748EBCBF4BF4CE3868BFF029D7E3989"/>
          </w:pPr>
          <w:r w:rsidRPr="00DE7CDE">
            <w:rPr>
              <w:rStyle w:val="PlaceholderText"/>
            </w:rPr>
            <w:t>Click here to enter text.</w:t>
          </w:r>
        </w:p>
      </w:docPartBody>
    </w:docPart>
    <w:docPart>
      <w:docPartPr>
        <w:name w:val="2F7FAF4580154FF39A6D25676D0C8B86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216D9F4C-B1F0-441A-8CD2-18CBA1E1CBB1}"/>
      </w:docPartPr>
      <w:docPartBody>
        <w:p w:rsidR="00F82B28" w:rsidRDefault="00FC3BD1" w:rsidP="00FC3BD1">
          <w:pPr>
            <w:pStyle w:val="2F7FAF4580154FF39A6D25676D0C8B86"/>
          </w:pPr>
          <w:r w:rsidRPr="00DE7CDE">
            <w:rPr>
              <w:rStyle w:val="PlaceholderText"/>
            </w:rPr>
            <w:t>Click here to enter text.</w:t>
          </w:r>
        </w:p>
      </w:docPartBody>
    </w:docPart>
    <w:docPart>
      <w:docPartPr>
        <w:name w:val="DF349870C36E4CEFA13A1893FA74C12E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D70F2690-08BD-46E1-9C59-F732B64D5AF8}"/>
      </w:docPartPr>
      <w:docPartBody>
        <w:p w:rsidR="00F82B28" w:rsidRDefault="00FC3BD1" w:rsidP="00FC3BD1">
          <w:pPr>
            <w:pStyle w:val="DF349870C36E4CEFA13A1893FA74C12E"/>
          </w:pPr>
          <w:r w:rsidRPr="00DE7CDE">
            <w:rPr>
              <w:rStyle w:val="PlaceholderText"/>
            </w:rPr>
            <w:t>Click here to enter text.</w:t>
          </w:r>
        </w:p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view w:val="normal"/>
  <w:defaultTabStop w:val="720"/>
  <w:characterSpacingControl w:val="doNotCompress"/>
  <w:compat>
    <w:useFELayout/>
    <w:compatSetting w:name="compatibilityMode" w:uri="http://schemas.microsoft.com/office/word" w:val="12"/>
    <w:compatSetting w:name="useWord2013TrackBottomHyphenation" w:uri="http://schemas.microsoft.com/office/word" w:val="1"/>
  </w:compat>
  <w:rsids>
    <w:rsidRoot w:val="00555DB1"/>
    <w:rsid w:val="00012D45"/>
    <w:rsid w:val="001733C6"/>
    <w:rsid w:val="00227EF6"/>
    <w:rsid w:val="00555DB1"/>
    <w:rsid w:val="00607BD3"/>
    <w:rsid w:val="0075058C"/>
    <w:rsid w:val="007C0F89"/>
    <w:rsid w:val="00811FAA"/>
    <w:rsid w:val="00BD63F8"/>
    <w:rsid w:val="00C54ACF"/>
    <w:rsid w:val="00D451DD"/>
    <w:rsid w:val="00D55DBE"/>
    <w:rsid w:val="00F82B28"/>
    <w:rsid w:val="00FC3BD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1733C6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FC3BD1"/>
    <w:rPr>
      <w:color w:val="808080"/>
    </w:rPr>
  </w:style>
  <w:style w:type="paragraph" w:customStyle="1" w:styleId="C748EBCBF4BF4CE3868BFF029D7E3989">
    <w:name w:val="C748EBCBF4BF4CE3868BFF029D7E3989"/>
    <w:rsid w:val="00FC3BD1"/>
    <w:pPr>
      <w:spacing w:after="160" w:line="259" w:lineRule="auto"/>
    </w:pPr>
  </w:style>
  <w:style w:type="paragraph" w:customStyle="1" w:styleId="2F7FAF4580154FF39A6D25676D0C8B86">
    <w:name w:val="2F7FAF4580154FF39A6D25676D0C8B86"/>
    <w:rsid w:val="00FC3BD1"/>
    <w:pPr>
      <w:spacing w:after="160" w:line="259" w:lineRule="auto"/>
    </w:pPr>
  </w:style>
  <w:style w:type="paragraph" w:customStyle="1" w:styleId="DF349870C36E4CEFA13A1893FA74C12E">
    <w:name w:val="DF349870C36E4CEFA13A1893FA74C12E"/>
    <w:rsid w:val="00FC3BD1"/>
    <w:pPr>
      <w:spacing w:after="160" w:line="259" w:lineRule="auto"/>
    </w:p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09</Words>
  <Characters>1193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140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2-05-07T23:02:00Z</dcterms:created>
  <dcterms:modified xsi:type="dcterms:W3CDTF">2022-05-09T16:5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53-2098-9511v.1 -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  <property fmtid="{D5CDD505-2E9C-101B-9397-08002B2CF9AE}" pid="5" name="_NewReviewCycle">
    <vt:lpwstr/>
  </property>
</Properties>
</file>